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4F15B2" w:rsidRDefault="004F15B2"/>
    <w:p w:rsidR="004F15B2" w:rsidRDefault="004F15B2">
      <w:r>
        <w:t>Path R:</w:t>
      </w:r>
    </w:p>
    <w:p w:rsidR="004F15B2" w:rsidRDefault="004F15B2">
      <w:r w:rsidRPr="004F15B2">
        <w:t>C:\Program Fil</w:t>
      </w:r>
      <w:r w:rsidR="00885557">
        <w:t>es\R\R-2.13.1\bin\i386\Rgui.exe</w:t>
      </w:r>
    </w:p>
    <w:p w:rsidR="004F15B2" w:rsidRDefault="00A20FAE">
      <w:r>
        <w:t>Options, application:</w:t>
      </w:r>
    </w:p>
    <w:p w:rsidR="004F15B2" w:rsidRDefault="004F15B2">
      <w:r w:rsidRPr="004F15B2">
        <w:t>C:\Program Files\R\R-2.13.1\bin\Rgui.exe</w:t>
      </w:r>
      <w:r>
        <w:t>:</w:t>
      </w:r>
    </w:p>
    <w:p w:rsidR="004F15B2" w:rsidRDefault="004F15B2">
      <w:r>
        <w:rPr>
          <w:noProof/>
          <w:lang w:eastAsia="de-DE"/>
        </w:rPr>
        <w:drawing>
          <wp:inline distT="0" distB="0" distL="0" distR="0">
            <wp:extent cx="5760720" cy="4320540"/>
            <wp:effectExtent l="1905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32054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sectPr w:rsidR="004F15B2" w:rsidSect="00276B44">
      <w:pgSz w:w="11906" w:h="16838"/>
      <w:pgMar w:top="1417" w:right="1417" w:bottom="1134" w:left="1417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Tahoma">
    <w:panose1 w:val="00000000000000000000"/>
    <w:charset w:val="00"/>
    <w:family w:val="swiss"/>
    <w:notTrueType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</w:font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defaultTabStop w:val="708"/>
  <w:hyphenationZone w:val="425"/>
  <w:characterSpacingControl w:val="doNotCompress"/>
  <w:compat/>
  <w:rsids>
    <w:rsidRoot w:val="004F15B2"/>
    <w:rsid w:val="00276B44"/>
    <w:rsid w:val="004F15B2"/>
    <w:rsid w:val="00885557"/>
    <w:rsid w:val="00A20FAE"/>
    <w:rsid w:val="00E44E9C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76B44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4F15B2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F15B2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6</Words>
  <Characters>105</Characters>
  <Application>Microsoft Office Word</Application>
  <DocSecurity>0</DocSecurity>
  <Lines>1</Lines>
  <Paragraphs>1</Paragraphs>
  <ScaleCrop>false</ScaleCrop>
  <Company>TU BV CIP</Company>
  <LinksUpToDate>false</LinksUpToDate>
  <CharactersWithSpaces>12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erike</dc:creator>
  <cp:keywords/>
  <dc:description/>
  <cp:lastModifiedBy>gerike</cp:lastModifiedBy>
  <cp:revision>4</cp:revision>
  <dcterms:created xsi:type="dcterms:W3CDTF">2011-10-24T06:46:00Z</dcterms:created>
  <dcterms:modified xsi:type="dcterms:W3CDTF">2011-11-08T07:13:00Z</dcterms:modified>
</cp:coreProperties>
</file>